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7"/>
  </p:notesMasterIdLst>
  <p:sldIdLst>
    <p:sldId id="256" r:id="rId2"/>
    <p:sldId id="272" r:id="rId3"/>
    <p:sldId id="273" r:id="rId4"/>
    <p:sldId id="266" r:id="rId5"/>
    <p:sldId id="271" r:id="rId6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79C2"/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119" d="100"/>
          <a:sy n="119" d="100"/>
        </p:scale>
        <p:origin x="1128" y="108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bleStyles" Target="tableStyles.xml"/><Relationship Id="rId5" Type="http://schemas.openxmlformats.org/officeDocument/2006/relationships/slide" Target="slides/slide4.xml"/><Relationship Id="rId1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15-May-2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3.xml"/><Relationship Id="rId5" Type="http://schemas.openxmlformats.org/officeDocument/2006/relationships/image" Target="../media/image3.png"/><Relationship Id="rId4" Type="http://schemas.openxmlformats.org/officeDocument/2006/relationships/image" Target="../media/image2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4.xml"/><Relationship Id="rId5" Type="http://schemas.openxmlformats.org/officeDocument/2006/relationships/image" Target="../media/image4.png"/><Relationship Id="rId4" Type="http://schemas.openxmlformats.org/officeDocument/2006/relationships/image" Target="../media/image2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2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4" Type="http://schemas.openxmlformats.org/officeDocument/2006/relationships/image" Target="../media/image2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634" y="1951672"/>
            <a:ext cx="8228732" cy="147732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Stakeholders Presentation: </a:t>
            </a:r>
            <a:r>
              <a:rPr lang="en-US" sz="3200" dirty="0">
                <a:solidFill>
                  <a:schemeClr val="tx1"/>
                </a:solidFill>
              </a:rPr>
              <a:t>Comparing Cost &amp; Time Performance Of The Projects.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5" name="Title 1">
            <a:extLst>
              <a:ext uri="{FF2B5EF4-FFF2-40B4-BE49-F238E27FC236}">
                <a16:creationId xmlns:a16="http://schemas.microsoft.com/office/drawing/2014/main" id="{6927D10E-D6C8-4AD5-9A29-7DEABE5A3F24}"/>
              </a:ext>
            </a:extLst>
          </p:cNvPr>
          <p:cNvSpPr txBox="1">
            <a:spLocks/>
          </p:cNvSpPr>
          <p:nvPr/>
        </p:nvSpPr>
        <p:spPr>
          <a:xfrm>
            <a:off x="457634" y="3581037"/>
            <a:ext cx="8228732" cy="738664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0070C0"/>
                </a:solidFill>
              </a:rPr>
              <a:t>Target Stakeholder Group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: 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gram </a:t>
            </a:r>
            <a:r>
              <a:rPr lang="en-US" dirty="0">
                <a:solidFill>
                  <a:schemeClr val="tx1"/>
                </a:solidFill>
              </a:rPr>
              <a:t>(Cross - Project) Leaders.</a:t>
            </a:r>
            <a:endParaRPr kumimoji="0" lang="en-US" b="0" i="1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+mj-cs"/>
            </a:endParaRPr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49DD3F58-3C1D-4AAA-A211-4517888A7221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79FB131-8547-472A-A9DA-6A9C39E4DF2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E03604CC-AB9F-49B0-A405-865125F0AD55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" y="1604211"/>
            <a:ext cx="4572000" cy="3665621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65E26A84-E464-46B0-A33D-8B51C72ED220}"/>
              </a:ext>
            </a:extLst>
          </p:cNvPr>
          <p:cNvSpPr/>
          <p:nvPr/>
        </p:nvSpPr>
        <p:spPr>
          <a:xfrm>
            <a:off x="5502442" y="1235242"/>
            <a:ext cx="3312695" cy="4940969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59934892-25FF-497A-A8A8-0A9A910097C5}"/>
              </a:ext>
            </a:extLst>
          </p:cNvPr>
          <p:cNvSpPr txBox="1"/>
          <p:nvPr/>
        </p:nvSpPr>
        <p:spPr>
          <a:xfrm>
            <a:off x="457200" y="513347"/>
            <a:ext cx="36014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>
                <a:solidFill>
                  <a:srgbClr val="0079C2"/>
                </a:solidFill>
              </a:rPr>
              <a:t>Analysis: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80AE2B2-6CA6-46F7-9355-8389750419A0}"/>
              </a:ext>
            </a:extLst>
          </p:cNvPr>
          <p:cNvSpPr txBox="1"/>
          <p:nvPr/>
        </p:nvSpPr>
        <p:spPr>
          <a:xfrm>
            <a:off x="5614737" y="1347537"/>
            <a:ext cx="3072063" cy="44012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>
                <a:solidFill>
                  <a:schemeClr val="bg1"/>
                </a:solidFill>
              </a:rPr>
              <a:t>As seen from this Chart:</a:t>
            </a:r>
          </a:p>
          <a:p>
            <a:endParaRPr lang="en-US" sz="1400" dirty="0">
              <a:solidFill>
                <a:schemeClr val="bg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chemeClr val="bg1"/>
                </a:solidFill>
              </a:rPr>
              <a:t>Gail, George, Jenny, Jim, Monique, Sarah, Stanley and Tom Went Over the Budget in This 6 Months Project(s) Span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>
              <a:solidFill>
                <a:schemeClr val="bg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chemeClr val="bg1"/>
                </a:solidFill>
              </a:rPr>
              <a:t>Erica, Inigo &amp; Larry Completed There tasks While Staying In the Budge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>
              <a:solidFill>
                <a:schemeClr val="bg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chemeClr val="bg1"/>
                </a:solidFill>
              </a:rPr>
              <a:t>Crystal &amp; Sondra Utilized Their Entire Budget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>
              <a:solidFill>
                <a:schemeClr val="bg1"/>
              </a:solidFill>
            </a:endParaRPr>
          </a:p>
          <a:p>
            <a:r>
              <a:rPr lang="en-US" sz="1400" dirty="0">
                <a:solidFill>
                  <a:schemeClr val="bg1"/>
                </a:solidFill>
              </a:rPr>
              <a:t>The Personnel With Who Went Over The Limit May Also Have Worked Overtime or Might Be Charging More Per Hours Than Average.</a:t>
            </a:r>
          </a:p>
          <a:p>
            <a:r>
              <a:rPr lang="en-US" sz="1400" dirty="0">
                <a:solidFill>
                  <a:schemeClr val="bg1"/>
                </a:solidFill>
              </a:rPr>
              <a:t>This Also Affects The 40hr/week Schedule of The Employees.</a:t>
            </a:r>
          </a:p>
        </p:txBody>
      </p:sp>
    </p:spTree>
    <p:extLst>
      <p:ext uri="{BB962C8B-B14F-4D97-AF65-F5344CB8AC3E}">
        <p14:creationId xmlns:p14="http://schemas.microsoft.com/office/powerpoint/2010/main" val="38380387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49DD3F58-3C1D-4AAA-A211-4517888A7221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479FB131-8547-472A-A9DA-6A9C39E4DF2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E03604CC-AB9F-49B0-A405-865125F0AD55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57200" y="1930099"/>
            <a:ext cx="4572000" cy="3291606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65E26A84-E464-46B0-A33D-8B51C72ED220}"/>
              </a:ext>
            </a:extLst>
          </p:cNvPr>
          <p:cNvSpPr/>
          <p:nvPr/>
        </p:nvSpPr>
        <p:spPr>
          <a:xfrm>
            <a:off x="5502442" y="1235242"/>
            <a:ext cx="3312695" cy="4940969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59934892-25FF-497A-A8A8-0A9A910097C5}"/>
              </a:ext>
            </a:extLst>
          </p:cNvPr>
          <p:cNvSpPr txBox="1"/>
          <p:nvPr/>
        </p:nvSpPr>
        <p:spPr>
          <a:xfrm>
            <a:off x="457200" y="513347"/>
            <a:ext cx="36014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>
                <a:solidFill>
                  <a:srgbClr val="0079C2"/>
                </a:solidFill>
              </a:rPr>
              <a:t>Analysis: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80AE2B2-6CA6-46F7-9355-8389750419A0}"/>
              </a:ext>
            </a:extLst>
          </p:cNvPr>
          <p:cNvSpPr txBox="1"/>
          <p:nvPr/>
        </p:nvSpPr>
        <p:spPr>
          <a:xfrm>
            <a:off x="5614737" y="1347537"/>
            <a:ext cx="3072063" cy="33239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>
                <a:solidFill>
                  <a:schemeClr val="bg1"/>
                </a:solidFill>
              </a:rPr>
              <a:t>As seen from this Chart:</a:t>
            </a:r>
          </a:p>
          <a:p>
            <a:endParaRPr lang="en-US" sz="1400" dirty="0">
              <a:solidFill>
                <a:schemeClr val="bg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chemeClr val="bg1"/>
                </a:solidFill>
              </a:rPr>
              <a:t>In the Span of 6 Months, Crystal, Erica, Inigo, Larry and Sondra were able to complete their work on tim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>
              <a:solidFill>
                <a:schemeClr val="bg1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 dirty="0">
                <a:solidFill>
                  <a:schemeClr val="bg1"/>
                </a:solidFill>
              </a:rPr>
              <a:t>Gail, George, Jenny, Jim, Monique, Sarah, Stanley and Tom were behind their Schedul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en-US" sz="1400" dirty="0">
              <a:solidFill>
                <a:schemeClr val="bg1"/>
              </a:solidFill>
            </a:endParaRPr>
          </a:p>
          <a:p>
            <a:r>
              <a:rPr lang="en-US" sz="1400" dirty="0">
                <a:solidFill>
                  <a:schemeClr val="bg1"/>
                </a:solidFill>
              </a:rPr>
              <a:t>Projects Getting Completed on time is essential for the company, while those Project(s) which took longer are not that far off the mark.</a:t>
            </a:r>
          </a:p>
        </p:txBody>
      </p:sp>
    </p:spTree>
    <p:extLst>
      <p:ext uri="{BB962C8B-B14F-4D97-AF65-F5344CB8AC3E}">
        <p14:creationId xmlns:p14="http://schemas.microsoft.com/office/powerpoint/2010/main" val="3809974550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: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93B1B5-69A4-4C46-8E35-CBCDA24107B4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05904EA2-AE6F-40AB-8032-033E4935E4E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A22D7116-3CCF-48B4-A968-0173F6E4401A}"/>
              </a:ext>
            </a:extLst>
          </p:cNvPr>
          <p:cNvSpPr/>
          <p:nvPr/>
        </p:nvSpPr>
        <p:spPr>
          <a:xfrm>
            <a:off x="457200" y="1042737"/>
            <a:ext cx="8229600" cy="4965031"/>
          </a:xfrm>
          <a:prstGeom prst="roundRect">
            <a:avLst/>
          </a:prstGeom>
          <a:ln/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E081820C-5792-4CDC-B7D1-2547EB4C390E}"/>
              </a:ext>
            </a:extLst>
          </p:cNvPr>
          <p:cNvSpPr txBox="1"/>
          <p:nvPr/>
        </p:nvSpPr>
        <p:spPr>
          <a:xfrm>
            <a:off x="874295" y="1395663"/>
            <a:ext cx="7491663" cy="34163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Projects B, D, and E are developing new digital financial products that are expected to generate revenue for JPMorgan Chase &amp; Co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Projects B and D are on schedule, Project E is at risk for falling behind but is currently still roughly on schedul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Projects A and C are internal efforts at process improvement for cost reduction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Project A is on schedule, Project C is well behind schedule and at risk for failur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Giving some more time to the Projects which are behind the Allotted time can make a difference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chemeClr val="bg1"/>
                </a:solidFill>
              </a:rPr>
              <a:t>The teams are Doing their best, although In between a creative activity may boost their morale and efficiency.</a:t>
            </a:r>
          </a:p>
        </p:txBody>
      </p:sp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Summary: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EE698E72-B07D-436D-9C10-96FD08B9E5EF}"/>
              </a:ext>
            </a:extLst>
          </p:cNvPr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900F6A78-638E-4D26-96BA-16353CC7607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60DA30FC-BDA2-400F-89E4-88F542B91FCE}"/>
              </a:ext>
            </a:extLst>
          </p:cNvPr>
          <p:cNvSpPr txBox="1"/>
          <p:nvPr/>
        </p:nvSpPr>
        <p:spPr>
          <a:xfrm>
            <a:off x="457200" y="1138989"/>
            <a:ext cx="8229600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US" dirty="0"/>
              <a:t>Revision of the Personnel – Project / Personnel – Time for the Failing Projects.</a:t>
            </a:r>
          </a:p>
          <a:p>
            <a:pPr marL="342900" indent="-342900">
              <a:buFont typeface="+mj-lt"/>
              <a:buAutoNum type="arabicPeriod"/>
            </a:pPr>
            <a:endParaRPr lang="en-US" dirty="0"/>
          </a:p>
          <a:p>
            <a:pPr marL="342900" indent="-342900">
              <a:buFont typeface="+mj-lt"/>
              <a:buAutoNum type="arabicPeriod"/>
            </a:pPr>
            <a:r>
              <a:rPr lang="en-US" dirty="0"/>
              <a:t>Providing Some Guidance and Morale Boosting to Increase Efficiency.</a:t>
            </a:r>
          </a:p>
          <a:p>
            <a:pPr marL="342900" indent="-342900">
              <a:buFont typeface="+mj-lt"/>
              <a:buAutoNum type="arabicPeriod"/>
            </a:pPr>
            <a:endParaRPr lang="en-US" dirty="0"/>
          </a:p>
          <a:p>
            <a:pPr marL="342900" indent="-342900">
              <a:buFont typeface="+mj-lt"/>
              <a:buAutoNum type="arabicPeriod"/>
            </a:pPr>
            <a:r>
              <a:rPr lang="en-US" dirty="0"/>
              <a:t>Creating Small Sub teams To Decrease Workload.</a:t>
            </a:r>
          </a:p>
        </p:txBody>
      </p:sp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2591</TotalTime>
  <Words>357</Words>
  <Application>Microsoft Office PowerPoint</Application>
  <PresentationFormat>On-screen Show (4:3)</PresentationFormat>
  <Paragraphs>35</Paragraphs>
  <Slides>5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5</vt:i4>
      </vt:variant>
    </vt:vector>
  </HeadingPairs>
  <TitlesOfParts>
    <vt:vector size="8" baseType="lpstr">
      <vt:lpstr>Arial</vt:lpstr>
      <vt:lpstr>Calibri</vt:lpstr>
      <vt:lpstr>Office Theme</vt:lpstr>
      <vt:lpstr>PowerPoint Presentation</vt:lpstr>
      <vt:lpstr>PowerPoint Presentation</vt:lpstr>
      <vt:lpstr>PowerPoint Presentation</vt:lpstr>
      <vt:lpstr>Observations:</vt:lpstr>
      <vt:lpstr>Summary: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hashank Sinha</dc:creator>
  <cp:keywords>Presentation</cp:keywords>
  <cp:lastModifiedBy>Shashank Sinha</cp:lastModifiedBy>
  <cp:revision>114</cp:revision>
  <dcterms:created xsi:type="dcterms:W3CDTF">2020-03-26T22:50:15Z</dcterms:created>
  <dcterms:modified xsi:type="dcterms:W3CDTF">2023-05-15T10:19:51Z</dcterms:modified>
</cp:coreProperties>
</file>